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ijker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D9A87971-7C8A-64F3-9C81-F22B5BA1516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91113" y="4786745"/>
            <a:ext cx="1974996" cy="188019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4A6F424-F3B0-96E4-772F-B3DE048A1FF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1952" y="3712021"/>
            <a:ext cx="1653281" cy="157392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5-23T08:35:46Z</dcterms:modified>
</cp:coreProperties>
</file>